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8"/>
  </p:notesMasterIdLst>
  <p:handoutMasterIdLst>
    <p:handoutMasterId r:id="rId9"/>
  </p:handoutMasterIdLst>
  <p:sldIdLst>
    <p:sldId id="2147307527" r:id="rId5"/>
    <p:sldId id="2147307525" r:id="rId6"/>
    <p:sldId id="2147307528" r:id="rId7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04628F8-4470-4BCA-A669-298D4CCE35C5}" v="12" dt="2021-10-06T14:03:23.954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785" autoAdjust="0"/>
    <p:restoredTop sz="93817" autoAdjust="0"/>
  </p:normalViewPr>
  <p:slideViewPr>
    <p:cSldViewPr snapToGrid="0">
      <p:cViewPr varScale="1">
        <p:scale>
          <a:sx n="84" d="100"/>
          <a:sy n="84" d="100"/>
        </p:scale>
        <p:origin x="1008" y="64"/>
      </p:cViewPr>
      <p:guideLst>
        <p:guide orient="horz" pos="962"/>
        <p:guide pos="748"/>
        <p:guide orient="horz" pos="2255"/>
      </p:guideLst>
    </p:cSldViewPr>
  </p:slideViewPr>
  <p:outlineViewPr>
    <p:cViewPr>
      <p:scale>
        <a:sx n="33" d="100"/>
        <a:sy n="33" d="100"/>
      </p:scale>
      <p:origin x="0" y="-272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microsoft.com/office/2016/11/relationships/changesInfo" Target="changesInfos/changesInfo1.xml"/><Relationship Id="rId10" Type="http://schemas.openxmlformats.org/officeDocument/2006/relationships/commentAuthors" Target="commentAuthors.xml"/><Relationship Id="rId4" Type="http://schemas.openxmlformats.org/officeDocument/2006/relationships/slideMaster" Target="slideMasters/slideMaster1.xml"/><Relationship Id="rId9" Type="http://schemas.openxmlformats.org/officeDocument/2006/relationships/handoutMaster" Target="handoutMasters/handoutMaster1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33BB075F-6A8F-4A4A-9BAC-701602B376C8}"/>
    <pc:docChg chg="custSel addSld modSld sldOrd">
      <pc:chgData name="Ajwaliya, Nishit" userId="d6171631-3d08-453d-8afd-2dc62a5026e2" providerId="ADAL" clId="{33BB075F-6A8F-4A4A-9BAC-701602B376C8}" dt="2021-07-22T13:29:12.599" v="11" actId="1038"/>
      <pc:docMkLst>
        <pc:docMk/>
      </pc:docMkLst>
      <pc:sldChg chg="modSp">
        <pc:chgData name="Ajwaliya, Nishit" userId="d6171631-3d08-453d-8afd-2dc62a5026e2" providerId="ADAL" clId="{33BB075F-6A8F-4A4A-9BAC-701602B376C8}" dt="2021-07-22T13:29:12.599" v="11" actId="1038"/>
        <pc:sldMkLst>
          <pc:docMk/>
          <pc:sldMk cId="802002898" sldId="2147307484"/>
        </pc:sldMkLst>
        <pc:spChg chg="mod">
          <ac:chgData name="Ajwaliya, Nishit" userId="d6171631-3d08-453d-8afd-2dc62a5026e2" providerId="ADAL" clId="{33BB075F-6A8F-4A4A-9BAC-701602B376C8}" dt="2021-07-21T17:51:17.117" v="6" actId="1037"/>
          <ac:spMkLst>
            <pc:docMk/>
            <pc:sldMk cId="802002898" sldId="2147307484"/>
            <ac:spMk id="128" creationId="{42E3C3F5-1547-421C-A2A3-071D520F9AA3}"/>
          </ac:spMkLst>
        </pc:spChg>
        <pc:spChg chg="mod">
          <ac:chgData name="Ajwaliya, Nishit" userId="d6171631-3d08-453d-8afd-2dc62a5026e2" providerId="ADAL" clId="{33BB075F-6A8F-4A4A-9BAC-701602B376C8}" dt="2021-07-22T13:29:08.573" v="10" actId="1037"/>
          <ac:spMkLst>
            <pc:docMk/>
            <pc:sldMk cId="802002898" sldId="2147307484"/>
            <ac:spMk id="155" creationId="{FA445F10-C787-448B-AE7C-7D1BF8D50D56}"/>
          </ac:spMkLst>
        </pc:spChg>
        <pc:spChg chg="mod">
          <ac:chgData name="Ajwaliya, Nishit" userId="d6171631-3d08-453d-8afd-2dc62a5026e2" providerId="ADAL" clId="{33BB075F-6A8F-4A4A-9BAC-701602B376C8}" dt="2021-07-21T17:51:25.145" v="7" actId="1037"/>
          <ac:spMkLst>
            <pc:docMk/>
            <pc:sldMk cId="802002898" sldId="2147307484"/>
            <ac:spMk id="163" creationId="{BDD54725-3AE1-481F-A3CE-8E571CD871EC}"/>
          </ac:spMkLst>
        </pc:spChg>
        <pc:spChg chg="mod">
          <ac:chgData name="Ajwaliya, Nishit" userId="d6171631-3d08-453d-8afd-2dc62a5026e2" providerId="ADAL" clId="{33BB075F-6A8F-4A4A-9BAC-701602B376C8}" dt="2021-07-22T13:29:12.599" v="11" actId="1038"/>
          <ac:spMkLst>
            <pc:docMk/>
            <pc:sldMk cId="802002898" sldId="2147307484"/>
            <ac:spMk id="177" creationId="{F87CC682-6CBB-494A-8113-DA1E61FE62C6}"/>
          </ac:spMkLst>
        </pc:spChg>
        <pc:spChg chg="mod">
          <ac:chgData name="Ajwaliya, Nishit" userId="d6171631-3d08-453d-8afd-2dc62a5026e2" providerId="ADAL" clId="{33BB075F-6A8F-4A4A-9BAC-701602B376C8}" dt="2021-07-21T17:51:12.524" v="5" actId="1038"/>
          <ac:spMkLst>
            <pc:docMk/>
            <pc:sldMk cId="802002898" sldId="2147307484"/>
            <ac:spMk id="189" creationId="{5D211D3C-73F0-46FA-AD56-2BDECB55C184}"/>
          </ac:spMkLst>
        </pc:spChg>
        <pc:cxnChg chg="mod">
          <ac:chgData name="Ajwaliya, Nishit" userId="d6171631-3d08-453d-8afd-2dc62a5026e2" providerId="ADAL" clId="{33BB075F-6A8F-4A4A-9BAC-701602B376C8}" dt="2021-07-22T13:28:47.152" v="8" actId="14100"/>
          <ac:cxnSpMkLst>
            <pc:docMk/>
            <pc:sldMk cId="802002898" sldId="2147307484"/>
            <ac:cxnSpMk id="122" creationId="{F961ADB8-2408-4630-9023-115E0C7AD7C2}"/>
          </ac:cxnSpMkLst>
        </pc:cxnChg>
      </pc:sldChg>
      <pc:sldChg chg="delSp add ord">
        <pc:chgData name="Ajwaliya, Nishit" userId="d6171631-3d08-453d-8afd-2dc62a5026e2" providerId="ADAL" clId="{33BB075F-6A8F-4A4A-9BAC-701602B376C8}" dt="2021-07-02T19:55:53.166" v="2" actId="478"/>
        <pc:sldMkLst>
          <pc:docMk/>
          <pc:sldMk cId="769546165" sldId="2147307526"/>
        </pc:sldMkLst>
        <pc:picChg chg="del">
          <ac:chgData name="Ajwaliya, Nishit" userId="d6171631-3d08-453d-8afd-2dc62a5026e2" providerId="ADAL" clId="{33BB075F-6A8F-4A4A-9BAC-701602B376C8}" dt="2021-07-02T19:55:53.166" v="2" actId="478"/>
          <ac:picMkLst>
            <pc:docMk/>
            <pc:sldMk cId="769546165" sldId="2147307526"/>
            <ac:picMk id="6" creationId="{7A6A94FC-78F6-49A4-A9BF-0BBF64D96C9E}"/>
          </ac:picMkLst>
        </pc:picChg>
      </pc:sldChg>
    </pc:docChg>
  </pc:docChgLst>
  <pc:docChgLst>
    <pc:chgData name="Ajwaliya, Nishit" userId="d6171631-3d08-453d-8afd-2dc62a5026e2" providerId="ADAL" clId="{504628F8-4470-4BCA-A669-298D4CCE35C5}"/>
    <pc:docChg chg="custSel delSld modSld">
      <pc:chgData name="Ajwaliya, Nishit" userId="d6171631-3d08-453d-8afd-2dc62a5026e2" providerId="ADAL" clId="{504628F8-4470-4BCA-A669-298D4CCE35C5}" dt="2021-10-08T11:54:40.310" v="56" actId="1076"/>
      <pc:docMkLst>
        <pc:docMk/>
      </pc:docMkLst>
      <pc:sldChg chg="del">
        <pc:chgData name="Ajwaliya, Nishit" userId="d6171631-3d08-453d-8afd-2dc62a5026e2" providerId="ADAL" clId="{504628F8-4470-4BCA-A669-298D4CCE35C5}" dt="2021-10-06T21:30:21.060" v="52" actId="47"/>
        <pc:sldMkLst>
          <pc:docMk/>
          <pc:sldMk cId="2091940999" sldId="2147307485"/>
        </pc:sldMkLst>
      </pc:sldChg>
      <pc:sldChg chg="addSp delSp modSp mod">
        <pc:chgData name="Ajwaliya, Nishit" userId="d6171631-3d08-453d-8afd-2dc62a5026e2" providerId="ADAL" clId="{504628F8-4470-4BCA-A669-298D4CCE35C5}" dt="2021-10-08T11:54:40.310" v="56" actId="1076"/>
        <pc:sldMkLst>
          <pc:docMk/>
          <pc:sldMk cId="4091386711" sldId="2147307527"/>
        </pc:sldMkLst>
        <pc:picChg chg="add del mod">
          <ac:chgData name="Ajwaliya, Nishit" userId="d6171631-3d08-453d-8afd-2dc62a5026e2" providerId="ADAL" clId="{504628F8-4470-4BCA-A669-298D4CCE35C5}" dt="2021-10-06T14:00:12.556" v="11" actId="478"/>
          <ac:picMkLst>
            <pc:docMk/>
            <pc:sldMk cId="4091386711" sldId="2147307527"/>
            <ac:picMk id="4" creationId="{15E75784-1480-4DAB-8DE9-76F32CC3BF40}"/>
          </ac:picMkLst>
        </pc:picChg>
        <pc:picChg chg="add del mod">
          <ac:chgData name="Ajwaliya, Nishit" userId="d6171631-3d08-453d-8afd-2dc62a5026e2" providerId="ADAL" clId="{504628F8-4470-4BCA-A669-298D4CCE35C5}" dt="2021-10-08T11:54:34.094" v="53" actId="478"/>
          <ac:picMkLst>
            <pc:docMk/>
            <pc:sldMk cId="4091386711" sldId="2147307527"/>
            <ac:picMk id="4" creationId="{51CC5A4A-566E-4ED0-AB76-5A720D864742}"/>
          </ac:picMkLst>
        </pc:picChg>
        <pc:picChg chg="del mod">
          <ac:chgData name="Ajwaliya, Nishit" userId="d6171631-3d08-453d-8afd-2dc62a5026e2" providerId="ADAL" clId="{504628F8-4470-4BCA-A669-298D4CCE35C5}" dt="2021-10-05T15:40:02.340" v="1" actId="478"/>
          <ac:picMkLst>
            <pc:docMk/>
            <pc:sldMk cId="4091386711" sldId="2147307527"/>
            <ac:picMk id="4" creationId="{8C99F775-4441-40AA-A4CA-699C73FD2F48}"/>
          </ac:picMkLst>
        </pc:picChg>
        <pc:picChg chg="add del mod">
          <ac:chgData name="Ajwaliya, Nishit" userId="d6171631-3d08-453d-8afd-2dc62a5026e2" providerId="ADAL" clId="{504628F8-4470-4BCA-A669-298D4CCE35C5}" dt="2021-10-06T13:44:23.605" v="7" actId="478"/>
          <ac:picMkLst>
            <pc:docMk/>
            <pc:sldMk cId="4091386711" sldId="2147307527"/>
            <ac:picMk id="5" creationId="{018FF6EF-054B-4A48-8965-D6AB903C777F}"/>
          </ac:picMkLst>
        </pc:picChg>
        <pc:picChg chg="add mod">
          <ac:chgData name="Ajwaliya, Nishit" userId="d6171631-3d08-453d-8afd-2dc62a5026e2" providerId="ADAL" clId="{504628F8-4470-4BCA-A669-298D4CCE35C5}" dt="2021-10-08T11:54:40.310" v="56" actId="1076"/>
          <ac:picMkLst>
            <pc:docMk/>
            <pc:sldMk cId="4091386711" sldId="2147307527"/>
            <ac:picMk id="5" creationId="{B6642CDC-268F-4C17-A3B8-CB1D8EFAA531}"/>
          </ac:picMkLst>
        </pc:picChg>
        <pc:picChg chg="add del mod">
          <ac:chgData name="Ajwaliya, Nishit" userId="d6171631-3d08-453d-8afd-2dc62a5026e2" providerId="ADAL" clId="{504628F8-4470-4BCA-A669-298D4CCE35C5}" dt="2021-10-06T14:01:27.269" v="15" actId="478"/>
          <ac:picMkLst>
            <pc:docMk/>
            <pc:sldMk cId="4091386711" sldId="2147307527"/>
            <ac:picMk id="5" creationId="{CF7CC780-B81F-460A-B355-826BEE26FF82}"/>
          </ac:picMkLst>
        </pc:picChg>
      </pc:sldChg>
      <pc:sldChg chg="addSp modSp mod">
        <pc:chgData name="Ajwaliya, Nishit" userId="d6171631-3d08-453d-8afd-2dc62a5026e2" providerId="ADAL" clId="{504628F8-4470-4BCA-A669-298D4CCE35C5}" dt="2021-10-06T14:03:23.954" v="51" actId="1076"/>
        <pc:sldMkLst>
          <pc:docMk/>
          <pc:sldMk cId="2312719742" sldId="2147307528"/>
        </pc:sldMkLst>
        <pc:spChg chg="mod">
          <ac:chgData name="Ajwaliya, Nishit" userId="d6171631-3d08-453d-8afd-2dc62a5026e2" providerId="ADAL" clId="{504628F8-4470-4BCA-A669-298D4CCE35C5}" dt="2021-10-06T14:02:26.431" v="22" actId="20577"/>
          <ac:spMkLst>
            <pc:docMk/>
            <pc:sldMk cId="2312719742" sldId="2147307528"/>
            <ac:spMk id="2" creationId="{65606505-0DE3-4026-B55A-3FA303F48ACA}"/>
          </ac:spMkLst>
        </pc:spChg>
        <pc:spChg chg="add mod">
          <ac:chgData name="Ajwaliya, Nishit" userId="d6171631-3d08-453d-8afd-2dc62a5026e2" providerId="ADAL" clId="{504628F8-4470-4BCA-A669-298D4CCE35C5}" dt="2021-10-06T14:03:23.954" v="51" actId="1076"/>
          <ac:spMkLst>
            <pc:docMk/>
            <pc:sldMk cId="2312719742" sldId="2147307528"/>
            <ac:spMk id="106" creationId="{A32B2023-9C3D-4A42-ADBC-D5A30BD021BE}"/>
          </ac:spMkLst>
        </pc:spChg>
      </pc:sldChg>
    </pc:docChg>
  </pc:docChgLst>
  <pc:docChgLst>
    <pc:chgData name="Ajwaliya, Nishit" userId="d6171631-3d08-453d-8afd-2dc62a5026e2" providerId="ADAL" clId="{4B886E19-A821-4E83-9F56-45CEF01E4AA9}"/>
    <pc:docChg chg="custSel modSld">
      <pc:chgData name="Ajwaliya, Nishit" userId="d6171631-3d08-453d-8afd-2dc62a5026e2" providerId="ADAL" clId="{4B886E19-A821-4E83-9F56-45CEF01E4AA9}" dt="2021-09-16T15:03:11.453" v="26" actId="14100"/>
      <pc:docMkLst>
        <pc:docMk/>
      </pc:docMkLst>
      <pc:sldChg chg="addSp delSp modSp mod">
        <pc:chgData name="Ajwaliya, Nishit" userId="d6171631-3d08-453d-8afd-2dc62a5026e2" providerId="ADAL" clId="{4B886E19-A821-4E83-9F56-45CEF01E4AA9}" dt="2021-09-09T17:42:39.109" v="4" actId="1076"/>
        <pc:sldMkLst>
          <pc:docMk/>
          <pc:sldMk cId="4091386711" sldId="2147307527"/>
        </pc:sldMkLst>
        <pc:picChg chg="add mod">
          <ac:chgData name="Ajwaliya, Nishit" userId="d6171631-3d08-453d-8afd-2dc62a5026e2" providerId="ADAL" clId="{4B886E19-A821-4E83-9F56-45CEF01E4AA9}" dt="2021-09-09T17:42:39.109" v="4" actId="1076"/>
          <ac:picMkLst>
            <pc:docMk/>
            <pc:sldMk cId="4091386711" sldId="2147307527"/>
            <ac:picMk id="4" creationId="{8C99F775-4441-40AA-A4CA-699C73FD2F48}"/>
          </ac:picMkLst>
        </pc:picChg>
        <pc:picChg chg="del">
          <ac:chgData name="Ajwaliya, Nishit" userId="d6171631-3d08-453d-8afd-2dc62a5026e2" providerId="ADAL" clId="{4B886E19-A821-4E83-9F56-45CEF01E4AA9}" dt="2021-09-09T17:42:31.186" v="0" actId="478"/>
          <ac:picMkLst>
            <pc:docMk/>
            <pc:sldMk cId="4091386711" sldId="2147307527"/>
            <ac:picMk id="5" creationId="{812B3865-953F-4428-A0BF-5340ADE08107}"/>
          </ac:picMkLst>
        </pc:picChg>
      </pc:sldChg>
      <pc:sldChg chg="modSp mod">
        <pc:chgData name="Ajwaliya, Nishit" userId="d6171631-3d08-453d-8afd-2dc62a5026e2" providerId="ADAL" clId="{4B886E19-A821-4E83-9F56-45CEF01E4AA9}" dt="2021-09-16T15:03:11.453" v="26" actId="14100"/>
        <pc:sldMkLst>
          <pc:docMk/>
          <pc:sldMk cId="2312719742" sldId="2147307528"/>
        </pc:sldMkLst>
        <pc:spChg chg="mod">
          <ac:chgData name="Ajwaliya, Nishit" userId="d6171631-3d08-453d-8afd-2dc62a5026e2" providerId="ADAL" clId="{4B886E19-A821-4E83-9F56-45CEF01E4AA9}" dt="2021-09-16T15:03:11.453" v="26" actId="14100"/>
          <ac:spMkLst>
            <pc:docMk/>
            <pc:sldMk cId="2312719742" sldId="2147307528"/>
            <ac:spMk id="26" creationId="{24293CC2-EA11-43DE-85FC-3184F8128656}"/>
          </ac:spMkLst>
        </pc:spChg>
        <pc:spChg chg="mod">
          <ac:chgData name="Ajwaliya, Nishit" userId="d6171631-3d08-453d-8afd-2dc62a5026e2" providerId="ADAL" clId="{4B886E19-A821-4E83-9F56-45CEF01E4AA9}" dt="2021-09-16T15:02:51.411" v="13" actId="20577"/>
          <ac:spMkLst>
            <pc:docMk/>
            <pc:sldMk cId="2312719742" sldId="2147307528"/>
            <ac:spMk id="133" creationId="{3272B8BB-B968-4C50-992E-6482D9F8745E}"/>
          </ac:spMkLst>
        </pc:spChg>
        <pc:spChg chg="mod">
          <ac:chgData name="Ajwaliya, Nishit" userId="d6171631-3d08-453d-8afd-2dc62a5026e2" providerId="ADAL" clId="{4B886E19-A821-4E83-9F56-45CEF01E4AA9}" dt="2021-09-16T15:02:57.291" v="25" actId="20577"/>
          <ac:spMkLst>
            <pc:docMk/>
            <pc:sldMk cId="2312719742" sldId="2147307528"/>
            <ac:spMk id="138" creationId="{C5E0B5E7-7900-49EA-AD84-0B2C9DA3631F}"/>
          </ac:spMkLst>
        </pc:spChg>
      </pc:sldChg>
    </pc:docChg>
  </pc:docChgLst>
  <pc:docChgLst>
    <pc:chgData name="Ajwaliya, Nishit" userId="d6171631-3d08-453d-8afd-2dc62a5026e2" providerId="ADAL" clId="{7427013D-5B51-4590-81FF-4F4303F4ECBF}"/>
    <pc:docChg chg="undo redo custSel addSld delSld modSld sldOrd">
      <pc:chgData name="Ajwaliya, Nishit" userId="d6171631-3d08-453d-8afd-2dc62a5026e2" providerId="ADAL" clId="{7427013D-5B51-4590-81FF-4F4303F4ECBF}" dt="2021-08-06T18:22:59.850" v="132" actId="1038"/>
      <pc:docMkLst>
        <pc:docMk/>
      </pc:docMkLst>
      <pc:sldChg chg="del">
        <pc:chgData name="Ajwaliya, Nishit" userId="d6171631-3d08-453d-8afd-2dc62a5026e2" providerId="ADAL" clId="{7427013D-5B51-4590-81FF-4F4303F4ECBF}" dt="2021-07-26T13:06:30.243" v="45" actId="47"/>
        <pc:sldMkLst>
          <pc:docMk/>
          <pc:sldMk cId="802002898" sldId="2147307484"/>
        </pc:sldMkLst>
      </pc:sldChg>
      <pc:sldChg chg="add del ord">
        <pc:chgData name="Ajwaliya, Nishit" userId="d6171631-3d08-453d-8afd-2dc62a5026e2" providerId="ADAL" clId="{7427013D-5B51-4590-81FF-4F4303F4ECBF}" dt="2021-07-29T22:17:52.757" v="70" actId="47"/>
        <pc:sldMkLst>
          <pc:docMk/>
          <pc:sldMk cId="3299959604" sldId="2147307484"/>
        </pc:sldMkLst>
      </pc:sldChg>
      <pc:sldChg chg="modSp mod">
        <pc:chgData name="Ajwaliya, Nishit" userId="d6171631-3d08-453d-8afd-2dc62a5026e2" providerId="ADAL" clId="{7427013D-5B51-4590-81FF-4F4303F4ECBF}" dt="2021-08-04T13:53:26.616" v="99" actId="14100"/>
        <pc:sldMkLst>
          <pc:docMk/>
          <pc:sldMk cId="2091940999" sldId="2147307485"/>
        </pc:sldMkLst>
        <pc:spChg chg="mod">
          <ac:chgData name="Ajwaliya, Nishit" userId="d6171631-3d08-453d-8afd-2dc62a5026e2" providerId="ADAL" clId="{7427013D-5B51-4590-81FF-4F4303F4ECBF}" dt="2021-08-04T13:53:26.616" v="99" actId="14100"/>
          <ac:spMkLst>
            <pc:docMk/>
            <pc:sldMk cId="2091940999" sldId="2147307485"/>
            <ac:spMk id="50" creationId="{0D866FF3-9CA9-401E-8090-9BC3E69E4D1F}"/>
          </ac:spMkLst>
        </pc:spChg>
        <pc:spChg chg="mod">
          <ac:chgData name="Ajwaliya, Nishit" userId="d6171631-3d08-453d-8afd-2dc62a5026e2" providerId="ADAL" clId="{7427013D-5B51-4590-81FF-4F4303F4ECBF}" dt="2021-08-04T13:53:26.616" v="99" actId="14100"/>
          <ac:spMkLst>
            <pc:docMk/>
            <pc:sldMk cId="2091940999" sldId="2147307485"/>
            <ac:spMk id="51" creationId="{BF51085E-3ED0-4653-A3DC-F787A7E64632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53" creationId="{61D5E1E9-A2E4-4D2D-AF92-2A039C328CA2}"/>
          </ac:spMkLst>
        </pc:spChg>
        <pc:spChg chg="mod">
          <ac:chgData name="Ajwaliya, Nishit" userId="d6171631-3d08-453d-8afd-2dc62a5026e2" providerId="ADAL" clId="{7427013D-5B51-4590-81FF-4F4303F4ECBF}" dt="2021-08-04T13:53:26.616" v="99" actId="14100"/>
          <ac:spMkLst>
            <pc:docMk/>
            <pc:sldMk cId="2091940999" sldId="2147307485"/>
            <ac:spMk id="54" creationId="{A546557B-13D7-4A02-86E6-7E9E47D53B49}"/>
          </ac:spMkLst>
        </pc:spChg>
        <pc:spChg chg="mod">
          <ac:chgData name="Ajwaliya, Nishit" userId="d6171631-3d08-453d-8afd-2dc62a5026e2" providerId="ADAL" clId="{7427013D-5B51-4590-81FF-4F4303F4ECBF}" dt="2021-08-04T13:53:26.616" v="99" actId="14100"/>
          <ac:spMkLst>
            <pc:docMk/>
            <pc:sldMk cId="2091940999" sldId="2147307485"/>
            <ac:spMk id="138" creationId="{C5E0B5E7-7900-49EA-AD84-0B2C9DA3631F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82" creationId="{5BABB083-64E1-4728-A9B4-7EC38E19DD1B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83" creationId="{8947B373-7886-4464-95CB-2DB10E22B1D8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88" creationId="{CE9277A0-BE5F-4B11-B3F8-500486A18E0B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90" creationId="{A61EFE0B-6F1C-45B5-8DD8-2087F05E14C7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94" creationId="{7E6BDABE-EE00-4AE9-9882-41F696F8A167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99" creationId="{7AE020E3-1DDC-44D6-838C-96B4ABE97462}"/>
          </ac:spMkLst>
        </pc:spChg>
      </pc:sldChg>
      <pc:sldChg chg="del">
        <pc:chgData name="Ajwaliya, Nishit" userId="d6171631-3d08-453d-8afd-2dc62a5026e2" providerId="ADAL" clId="{7427013D-5B51-4590-81FF-4F4303F4ECBF}" dt="2021-07-26T00:16:24.856" v="30" actId="47"/>
        <pc:sldMkLst>
          <pc:docMk/>
          <pc:sldMk cId="769546165" sldId="2147307526"/>
        </pc:sldMkLst>
      </pc:sldChg>
      <pc:sldChg chg="addSp delSp modSp add mod ord">
        <pc:chgData name="Ajwaliya, Nishit" userId="d6171631-3d08-453d-8afd-2dc62a5026e2" providerId="ADAL" clId="{7427013D-5B51-4590-81FF-4F4303F4ECBF}" dt="2021-07-27T04:22:00.117" v="58" actId="22"/>
        <pc:sldMkLst>
          <pc:docMk/>
          <pc:sldMk cId="4091386711" sldId="2147307527"/>
        </pc:sldMkLst>
        <pc:spChg chg="add del mod">
          <ac:chgData name="Ajwaliya, Nishit" userId="d6171631-3d08-453d-8afd-2dc62a5026e2" providerId="ADAL" clId="{7427013D-5B51-4590-81FF-4F4303F4ECBF}" dt="2021-07-26T18:45:26.719" v="52" actId="478"/>
          <ac:spMkLst>
            <pc:docMk/>
            <pc:sldMk cId="4091386711" sldId="2147307527"/>
            <ac:spMk id="2" creationId="{65606505-0DE3-4026-B55A-3FA303F48ACA}"/>
          </ac:spMkLst>
        </pc:spChg>
        <pc:spChg chg="add del mod">
          <ac:chgData name="Ajwaliya, Nishit" userId="d6171631-3d08-453d-8afd-2dc62a5026e2" providerId="ADAL" clId="{7427013D-5B51-4590-81FF-4F4303F4ECBF}" dt="2021-07-26T18:45:26.719" v="52" actId="478"/>
          <ac:spMkLst>
            <pc:docMk/>
            <pc:sldMk cId="4091386711" sldId="2147307527"/>
            <ac:spMk id="3" creationId="{406DEE7B-D92F-400A-9F8E-70ECC65149A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3" creationId="{E705DD29-DEEB-40F2-955C-8E9F8269A2E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4" creationId="{F22F5D03-DBE6-4766-B9F0-652066D84E4F}"/>
          </ac:spMkLst>
        </pc:spChg>
        <pc:spChg chg="del">
          <ac:chgData name="Ajwaliya, Nishit" userId="d6171631-3d08-453d-8afd-2dc62a5026e2" providerId="ADAL" clId="{7427013D-5B51-4590-81FF-4F4303F4ECBF}" dt="2021-07-23T23:32:09.511" v="24" actId="478"/>
          <ac:spMkLst>
            <pc:docMk/>
            <pc:sldMk cId="4091386711" sldId="2147307527"/>
            <ac:spMk id="9" creationId="{63CBB09D-EE89-48CC-A59F-A838F6A6E4AB}"/>
          </ac:spMkLst>
        </pc:spChg>
        <pc:spChg chg="del">
          <ac:chgData name="Ajwaliya, Nishit" userId="d6171631-3d08-453d-8afd-2dc62a5026e2" providerId="ADAL" clId="{7427013D-5B51-4590-81FF-4F4303F4ECBF}" dt="2021-07-23T23:32:11.880" v="25" actId="478"/>
          <ac:spMkLst>
            <pc:docMk/>
            <pc:sldMk cId="4091386711" sldId="2147307527"/>
            <ac:spMk id="22" creationId="{DCA00580-B033-4CE3-A0EC-9D792B642F8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6" creationId="{24293CC2-EA11-43DE-85FC-3184F812865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67" creationId="{13AF4990-BEC8-4F76-90A9-21EF7C67AE3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69" creationId="{01B95DB8-8395-45E2-8451-4D61E9C8C07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70" creationId="{CB334639-855E-4746-BFC5-89E45E4FD7C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76" creationId="{9A520CC5-FA03-4165-9311-61DCAD63AA0D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84" creationId="{60BBD388-7AED-42EE-A76C-C401F0E3C96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86" creationId="{7BEAD126-BC38-4A82-9ADF-631A1EB5B79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87" creationId="{D171760A-447B-483E-87A3-5A7511C18F9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88" creationId="{1C61089B-9BC4-4D8D-B373-9B95214FAE1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97" creationId="{6E524798-4223-4344-86DC-003903A21CC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99" creationId="{A505583B-D85D-436F-999A-765C74864B8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0" creationId="{7EF2B686-B864-4A0C-976A-AC294FF4935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1" creationId="{4C33FBD4-26E9-4AC0-A02D-19F1DE2953E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2" creationId="{9D1A6A48-41ED-4AC2-AFCF-84B960F8E0F2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3" creationId="{9E79760A-8C07-46FB-A2AB-5C7E24D6A64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4" creationId="{705A9A38-02C7-4EB3-B963-C23BA41B005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5" creationId="{B4573916-DB99-4B23-AC58-52569CC342A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6" creationId="{6F71CB73-EAE8-4326-9E84-00E5ACA661C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7" creationId="{8C9ADB6B-5737-44AB-BA35-BDF2293631E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8" creationId="{D606C7CB-024E-44F8-9DF9-1638DB7E00F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10" creationId="{6F87E31E-712F-4AB2-82B8-8BCF5ED1EFF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11" creationId="{7B33BC42-F6C2-4925-8E71-5FE5BE7BB53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19" creationId="{667A639C-B9C3-4DD1-ABE8-08EA94BC3D8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0" creationId="{0985C24F-0727-47A9-A4DC-E0DF87EF2AAF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1" creationId="{378FE9D9-C8AA-4E60-9C0C-66590B1E21BF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4" creationId="{0F8BAFA5-C39E-4D40-BEAB-6ECE84C10D7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5" creationId="{1C748C3D-94DF-43FE-96B3-A700756508C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6" creationId="{F24ED024-8BEE-474D-A1C7-731AE9E7D11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8" creationId="{42E3C3F5-1547-421C-A2A3-071D520F9AA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0" creationId="{28D44024-805C-42A3-A536-7F7CD807204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3" creationId="{3272B8BB-B968-4C50-992E-6482D9F8745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4" creationId="{DDC0F982-804C-4C13-B6CF-886890383620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5" creationId="{29EF487B-6194-4129-AC46-A7DEFC1BC40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8" creationId="{C5E0B5E7-7900-49EA-AD84-0B2C9DA3631F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9" creationId="{B63DC23E-751D-488B-90E7-2F7AB402268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40" creationId="{3FCD83B7-1EFF-4CD9-A187-C738E53A836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41" creationId="{24BC9807-652F-4E51-9BD1-4BC56411F2C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42" creationId="{7E5D1AD3-EE5B-4258-8631-DEA307AB510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44" creationId="{D9F430B6-AA12-4E55-BD8E-7F722DCC89E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1" creationId="{3A4AC253-3FE1-4C73-ABAA-E3F0D079DB2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2" creationId="{B8132A58-8625-46BA-B378-908981D63D9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3" creationId="{D48604F7-129F-4FAE-90D3-437401E3ECD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4" creationId="{907276B4-0603-4BF9-9900-1A6B72799A92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5" creationId="{FA445F10-C787-448B-AE7C-7D1BF8D50D5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63" creationId="{BDD54725-3AE1-481F-A3CE-8E571CD871E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65" creationId="{55FE46CB-4BAC-43D4-A7E3-73079C9B0A1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67" creationId="{87D8CC1F-B56A-4529-87AE-1441B76F21C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69" creationId="{CA387B1C-1433-491C-888E-0EAE240B1442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1" creationId="{A4968A38-1CB8-45E4-989B-D07B14C1879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4" creationId="{6E729406-BCD9-431E-8B26-6F97A4C03E00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6" creationId="{6FFA297E-BD4C-4984-8DA1-974107E360C0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7" creationId="{F87CC682-6CBB-494A-8113-DA1E61FE62C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9" creationId="{2F6E28C1-E0B7-4DB7-B52F-A5FF83593D7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81" creationId="{553BDFC6-BEB6-45E4-B002-7547682B4B9D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87" creationId="{EFF18A99-ABA3-4DD1-8F4C-F92ED78F9CC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88" creationId="{4BE12BDB-E35A-4FA6-9DAC-9E141D05A38F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89" creationId="{5D211D3C-73F0-46FA-AD56-2BDECB55C18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3" creationId="{01978453-8B00-4A50-85D1-D02BB9CA7E7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4" creationId="{8592C76E-BEAD-4997-B0BA-B05BD6FD9A2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5" creationId="{A347D48E-0186-41F2-A71B-686BD3326EE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6" creationId="{B6C28F17-2225-4512-B301-49439ABFFEF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7" creationId="{D9CD409A-2087-48B4-993A-8965746DAF9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8" creationId="{61A32064-03CA-4AE7-BE8D-FC359646695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0" creationId="{4709E27B-FE41-4D5F-AD41-BC3B13DDCF4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1" creationId="{D20D57CD-2D20-43B0-85A7-7E8142C5EE1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3" creationId="{2232032A-DFA7-4838-AEC8-875A56E572F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4" creationId="{5E2E6BE7-326E-41CD-85A2-E03A52B74CC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5" creationId="{6733E616-888B-470F-BAEC-AC78C624C992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7" creationId="{870F50A0-1175-47E9-92E7-DD46C849A27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8" creationId="{D5497791-1749-4298-9ECB-ABE31C240E5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9" creationId="{6ECDE740-6837-4482-A75D-75D5CCCE1BE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0" creationId="{EBF61E9E-C86F-4FCA-9664-C3BD1EAFFF2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1" creationId="{3FEFAC13-FA4E-4722-8636-B0F4DB14B44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2" creationId="{36EE1830-4B80-4640-8773-23ACCEC0C97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4" creationId="{F68889B6-1E8B-49C4-8457-3D36B7EC723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5" creationId="{09087ACF-D453-4EBC-917B-F62E2471B9D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6" creationId="{09701D7A-AEC3-4A15-9738-081D896783D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7" creationId="{19F29F9B-05DD-4654-B270-BA9844B5212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0" creationId="{59218CDC-934C-45B4-81B5-23EADF04DBE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1" creationId="{FF32807F-AF23-4470-B5FD-E1C220319C5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3" creationId="{9DC391FA-582E-462D-B80B-562DD6B38DF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4" creationId="{65093B07-58CD-49EE-AC14-71373A166F1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5" creationId="{8FC37195-304C-48AF-BC1C-B1497FFCB94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6" creationId="{7894B957-F935-4FE5-B515-B030CE51CF2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7" creationId="{1EA67941-3F59-4EAD-8228-FF39264EB89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8" creationId="{BB5198DF-7051-4F6D-A5D0-0E9E52DE6BC1}"/>
          </ac:spMkLst>
        </pc:spChg>
        <pc:picChg chg="add del">
          <ac:chgData name="Ajwaliya, Nishit" userId="d6171631-3d08-453d-8afd-2dc62a5026e2" providerId="ADAL" clId="{7427013D-5B51-4590-81FF-4F4303F4ECBF}" dt="2021-07-27T04:21:59.595" v="57" actId="478"/>
          <ac:picMkLst>
            <pc:docMk/>
            <pc:sldMk cId="4091386711" sldId="2147307527"/>
            <ac:picMk id="4" creationId="{236AABB9-9571-4AC7-A3BF-4AD016ED3AF6}"/>
          </ac:picMkLst>
        </pc:picChg>
        <pc:picChg chg="add del mod">
          <ac:chgData name="Ajwaliya, Nishit" userId="d6171631-3d08-453d-8afd-2dc62a5026e2" providerId="ADAL" clId="{7427013D-5B51-4590-81FF-4F4303F4ECBF}" dt="2021-07-26T18:45:29.372" v="53" actId="478"/>
          <ac:picMkLst>
            <pc:docMk/>
            <pc:sldMk cId="4091386711" sldId="2147307527"/>
            <ac:picMk id="4" creationId="{3108CFDF-1CE2-4864-AE80-EFDE5F1AD981}"/>
          </ac:picMkLst>
        </pc:picChg>
        <pc:picChg chg="add">
          <ac:chgData name="Ajwaliya, Nishit" userId="d6171631-3d08-453d-8afd-2dc62a5026e2" providerId="ADAL" clId="{7427013D-5B51-4590-81FF-4F4303F4ECBF}" dt="2021-07-27T04:22:00.117" v="58" actId="22"/>
          <ac:picMkLst>
            <pc:docMk/>
            <pc:sldMk cId="4091386711" sldId="2147307527"/>
            <ac:picMk id="5" creationId="{812B3865-953F-4428-A0BF-5340ADE08107}"/>
          </ac:picMkLst>
        </pc:picChg>
        <pc:picChg chg="add del">
          <ac:chgData name="Ajwaliya, Nishit" userId="d6171631-3d08-453d-8afd-2dc62a5026e2" providerId="ADAL" clId="{7427013D-5B51-4590-81FF-4F4303F4ECBF}" dt="2021-07-27T04:16:34.490" v="55" actId="478"/>
          <ac:picMkLst>
            <pc:docMk/>
            <pc:sldMk cId="4091386711" sldId="2147307527"/>
            <ac:picMk id="6" creationId="{A163469B-F815-47C8-B153-60005A2225C5}"/>
          </ac:picMkLst>
        </pc:picChg>
        <pc:picChg chg="add del">
          <ac:chgData name="Ajwaliya, Nishit" userId="d6171631-3d08-453d-8afd-2dc62a5026e2" providerId="ADAL" clId="{7427013D-5B51-4590-81FF-4F4303F4ECBF}" dt="2021-07-26T13:05:48.733" v="31" actId="478"/>
          <ac:picMkLst>
            <pc:docMk/>
            <pc:sldMk cId="4091386711" sldId="2147307527"/>
            <ac:picMk id="7" creationId="{73C9784E-D3B2-48CB-AA7F-0EA2D8B3FA91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162" creationId="{D806E5C4-F5B7-4465-8699-4743B4EDE32C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164" creationId="{23DC112B-D90B-4346-8F00-D4444FA6DDFE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166" creationId="{ACBC42D8-1DCB-4CA5-A375-F401A599726A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168" creationId="{6CD85B61-1744-428F-99BE-BC0E382F68E6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212" creationId="{073E04DF-8316-4E39-A58D-09FFE3057DB0}"/>
          </ac:picMkLst>
        </pc:picChg>
        <pc:cxnChg chg="del">
          <ac:chgData name="Ajwaliya, Nishit" userId="d6171631-3d08-453d-8afd-2dc62a5026e2" providerId="ADAL" clId="{7427013D-5B51-4590-81FF-4F4303F4ECBF}" dt="2021-07-23T23:32:19.292" v="28" actId="478"/>
          <ac:cxnSpMkLst>
            <pc:docMk/>
            <pc:sldMk cId="4091386711" sldId="2147307527"/>
            <ac:cxnSpMk id="5" creationId="{647B011B-7ADE-4400-839C-981A0590474B}"/>
          </ac:cxnSpMkLst>
        </pc:cxnChg>
        <pc:cxnChg chg="del">
          <ac:chgData name="Ajwaliya, Nishit" userId="d6171631-3d08-453d-8afd-2dc62a5026e2" providerId="ADAL" clId="{7427013D-5B51-4590-81FF-4F4303F4ECBF}" dt="2021-07-23T23:32:19.292" v="28" actId="478"/>
          <ac:cxnSpMkLst>
            <pc:docMk/>
            <pc:sldMk cId="4091386711" sldId="2147307527"/>
            <ac:cxnSpMk id="122" creationId="{F961ADB8-2408-4630-9023-115E0C7AD7C2}"/>
          </ac:cxnSpMkLst>
        </pc:cxnChg>
        <pc:cxnChg chg="del">
          <ac:chgData name="Ajwaliya, Nishit" userId="d6171631-3d08-453d-8afd-2dc62a5026e2" providerId="ADAL" clId="{7427013D-5B51-4590-81FF-4F4303F4ECBF}" dt="2021-07-23T23:32:19.292" v="28" actId="478"/>
          <ac:cxnSpMkLst>
            <pc:docMk/>
            <pc:sldMk cId="4091386711" sldId="2147307527"/>
            <ac:cxnSpMk id="127" creationId="{988282A2-0907-4B4B-9004-B461B0D19AEE}"/>
          </ac:cxnSpMkLst>
        </pc:cxnChg>
        <pc:cxnChg chg="del">
          <ac:chgData name="Ajwaliya, Nishit" userId="d6171631-3d08-453d-8afd-2dc62a5026e2" providerId="ADAL" clId="{7427013D-5B51-4590-81FF-4F4303F4ECBF}" dt="2021-07-23T23:32:19.292" v="28" actId="478"/>
          <ac:cxnSpMkLst>
            <pc:docMk/>
            <pc:sldMk cId="4091386711" sldId="2147307527"/>
            <ac:cxnSpMk id="136" creationId="{F7671822-8FF2-476B-9E10-A02943AAFC20}"/>
          </ac:cxnSpMkLst>
        </pc:cxnChg>
      </pc:sldChg>
      <pc:sldChg chg="modSp add del mod">
        <pc:chgData name="Ajwaliya, Nishit" userId="d6171631-3d08-453d-8afd-2dc62a5026e2" providerId="ADAL" clId="{7427013D-5B51-4590-81FF-4F4303F4ECBF}" dt="2021-08-06T18:22:59.850" v="132" actId="1038"/>
        <pc:sldMkLst>
          <pc:docMk/>
          <pc:sldMk cId="2312719742" sldId="2147307528"/>
        </pc:sldMkLst>
        <pc:spChg chg="mod">
          <ac:chgData name="Ajwaliya, Nishit" userId="d6171631-3d08-453d-8afd-2dc62a5026e2" providerId="ADAL" clId="{7427013D-5B51-4590-81FF-4F4303F4ECBF}" dt="2021-08-06T18:22:59.850" v="132" actId="1038"/>
          <ac:spMkLst>
            <pc:docMk/>
            <pc:sldMk cId="2312719742" sldId="2147307528"/>
            <ac:spMk id="101" creationId="{587B269A-1741-4A0F-9FDE-AC1CD854208F}"/>
          </ac:spMkLst>
        </pc:spChg>
        <pc:spChg chg="mod">
          <ac:chgData name="Ajwaliya, Nishit" userId="d6171631-3d08-453d-8afd-2dc62a5026e2" providerId="ADAL" clId="{7427013D-5B51-4590-81FF-4F4303F4ECBF}" dt="2021-08-06T18:22:59.850" v="132" actId="1038"/>
          <ac:spMkLst>
            <pc:docMk/>
            <pc:sldMk cId="2312719742" sldId="2147307528"/>
            <ac:spMk id="102" creationId="{53D3A239-1B6F-4F39-832E-4F711AD7B2DE}"/>
          </ac:spMkLst>
        </pc:spChg>
        <pc:spChg chg="mod">
          <ac:chgData name="Ajwaliya, Nishit" userId="d6171631-3d08-453d-8afd-2dc62a5026e2" providerId="ADAL" clId="{7427013D-5B51-4590-81FF-4F4303F4ECBF}" dt="2021-07-29T22:18:08.510" v="96" actId="1037"/>
          <ac:spMkLst>
            <pc:docMk/>
            <pc:sldMk cId="2312719742" sldId="2147307528"/>
            <ac:spMk id="221" creationId="{3FEFAC13-FA4E-4722-8636-B0F4DB14B444}"/>
          </ac:spMkLst>
        </pc:spChg>
      </pc:sldChg>
      <pc:sldChg chg="add del">
        <pc:chgData name="Ajwaliya, Nishit" userId="d6171631-3d08-453d-8afd-2dc62a5026e2" providerId="ADAL" clId="{7427013D-5B51-4590-81FF-4F4303F4ECBF}" dt="2021-07-29T22:17:52.718" v="68" actId="47"/>
        <pc:sldMkLst>
          <pc:docMk/>
          <pc:sldMk cId="615097863" sldId="2147307546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08/10/2021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08/10/2021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 dirty="0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 dirty="0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 dirty="0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 dirty="0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 dirty="0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dirty="0"/>
              <a:t>                -  Note: </a:t>
            </a:r>
            <a:r>
              <a:rPr lang="en-US" sz="1600" b="0" dirty="0">
                <a:solidFill>
                  <a:schemeClr val="tx1"/>
                </a:solidFill>
              </a:rPr>
              <a:t>CRM and Marketing Automation Completes in Dec 2022</a:t>
            </a:r>
            <a:endParaRPr lang="en-US" dirty="0"/>
          </a:p>
          <a:p>
            <a:pPr marL="342900" indent="-342900">
              <a:buAutoNum type="arabicPeriod" startAt="3"/>
            </a:pPr>
            <a:r>
              <a:rPr lang="en-US" dirty="0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 dirty="0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648139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1" i="0" u="none" strike="noStrike" kern="0" cap="none" spc="0" normalizeH="0" baseline="0" noProof="0" smtClean="0">
                <a:ln>
                  <a:noFill/>
                </a:ln>
                <a:solidFill>
                  <a:srgbClr val="BBE0E3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6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1" i="0" u="none" strike="noStrike" kern="0" cap="none" spc="0" normalizeH="0" baseline="0" noProof="0">
              <a:ln>
                <a:noFill/>
              </a:ln>
              <a:solidFill>
                <a:srgbClr val="BBE0E3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148261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 dirty="0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 dirty="0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 dirty="0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 dirty="0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 dirty="0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dirty="0"/>
              <a:t>                -  Note: </a:t>
            </a:r>
            <a:r>
              <a:rPr lang="en-US" sz="1600" b="0" dirty="0">
                <a:solidFill>
                  <a:schemeClr val="tx1"/>
                </a:solidFill>
              </a:rPr>
              <a:t>CRM and Marketing Automation Completes in Dec 2022</a:t>
            </a:r>
            <a:endParaRPr lang="en-US" dirty="0"/>
          </a:p>
          <a:p>
            <a:pPr marL="342900" indent="-342900">
              <a:buAutoNum type="arabicPeriod" startAt="3"/>
            </a:pPr>
            <a:r>
              <a:rPr lang="en-US" dirty="0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 dirty="0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5447068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jpe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notesSlide" Target="../notesSlides/notesSlide3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slideLayout" Target="../slideLayouts/slideLayout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image" Target="../media/image10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 dirty="0"/>
              <a:t>US Customer Architecture</a:t>
            </a:r>
            <a:endParaRPr lang="en-GB" sz="1800" b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6642CDC-268F-4C17-A3B8-CB1D8EFAA53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33847" y="358140"/>
            <a:ext cx="6530554" cy="47853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1386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601" y="112730"/>
            <a:ext cx="8497370" cy="430887"/>
          </a:xfrm>
        </p:spPr>
        <p:txBody>
          <a:bodyPr/>
          <a:lstStyle/>
          <a:p>
            <a:r>
              <a:rPr lang="en-US"/>
              <a:t>US Customer Capabilities by Program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6A94FC-78F6-49A4-A9BF-0BBF64D96C9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52192" y="482327"/>
            <a:ext cx="7024942" cy="42945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685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5918" y="1150443"/>
            <a:ext cx="8967825" cy="180048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95321" y="1274854"/>
            <a:ext cx="7567649" cy="11892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238" y="3714501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2423" y="3128339"/>
            <a:ext cx="8964821" cy="52901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942" y="3219697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 MDM/DQ/DG (Reltio)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216778" y="3349977"/>
            <a:ext cx="1078585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 dirty="0"/>
              <a:t>Persistent ID (leverage UDM) , Key Customer Profile and contact fields, Service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7747" y="3790467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CDP (Snowflake)</a:t>
            </a:r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D9F430B6-AA12-4E55-BD8E-7F722DCC89E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726163" y="3146450"/>
            <a:ext cx="953600" cy="6924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Customer Demographic, </a:t>
            </a:r>
          </a:p>
          <a:p>
            <a:r>
              <a:rPr lang="en-US" dirty="0"/>
              <a:t>Preference, Premise, Billing Account, Meter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95826" y="3357435"/>
            <a:ext cx="145779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Data model, Data Catalog, Data Governance, Data Quality Profiling, CDC, Business Rules/Requirement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971729" y="3358170"/>
            <a:ext cx="99727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</a:t>
            </a:r>
          </a:p>
        </p:txBody>
      </p:sp>
      <p:sp>
        <p:nvSpPr>
          <p:cNvPr id="181" name="OTLSHAPE_SLM_0aec949068fc4edb9016a17022f2fa0f_Title">
            <a:extLst>
              <a:ext uri="{FF2B5EF4-FFF2-40B4-BE49-F238E27FC236}">
                <a16:creationId xmlns:a16="http://schemas.microsoft.com/office/drawing/2014/main" id="{553BDFC6-BEB6-45E4-B002-7547682B4B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004514" y="3931030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, IVR</a:t>
            </a:r>
          </a:p>
        </p:txBody>
      </p:sp>
      <p:sp>
        <p:nvSpPr>
          <p:cNvPr id="187" name="OTLSHAPE_SLM_0aec949068fc4edb9016a17022f2fa0f_Shape">
            <a:extLst>
              <a:ext uri="{FF2B5EF4-FFF2-40B4-BE49-F238E27FC236}">
                <a16:creationId xmlns:a16="http://schemas.microsoft.com/office/drawing/2014/main" id="{EFF18A99-ABA3-4DD1-8F4C-F92ED78F9C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71245" y="3216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  <a:stCxn id="211" idx="0"/>
          </p:cNvCxnSpPr>
          <p:nvPr/>
        </p:nvCxnSpPr>
        <p:spPr bwMode="auto">
          <a:xfrm>
            <a:off x="7667118" y="1015661"/>
            <a:ext cx="18354" cy="306172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</p:cNvCxnSpPr>
          <p:nvPr/>
        </p:nvCxnSpPr>
        <p:spPr bwMode="auto">
          <a:xfrm>
            <a:off x="6437592" y="1026630"/>
            <a:ext cx="30857" cy="30359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5185736" y="1021768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3717937" y="1032388"/>
            <a:ext cx="28358" cy="278399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900" dirty="0"/>
              <a:t>US Customer Business Capabilities Proposed Roadmap (Draft)</a:t>
            </a:r>
            <a:endParaRPr lang="en-GB" sz="1900" b="0" dirty="0"/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718697" y="799082"/>
            <a:ext cx="401041" cy="18218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301918" y="798421"/>
            <a:ext cx="401041" cy="18875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301916" y="578756"/>
            <a:ext cx="3620137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1579114" y="796783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1136620" y="79879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3462134" y="796281"/>
            <a:ext cx="456466" cy="19089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2994157" y="797648"/>
            <a:ext cx="456466" cy="18952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3AF4990-BEC8-4F76-90A9-21EF7C67AE3B}"/>
              </a:ext>
            </a:extLst>
          </p:cNvPr>
          <p:cNvSpPr/>
          <p:nvPr/>
        </p:nvSpPr>
        <p:spPr>
          <a:xfrm>
            <a:off x="3947434" y="796514"/>
            <a:ext cx="401041" cy="19066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401146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1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B63DC23E-751D-488B-90E7-2F7AB4022685}"/>
              </a:ext>
            </a:extLst>
          </p:cNvPr>
          <p:cNvSpPr txBox="1"/>
          <p:nvPr/>
        </p:nvSpPr>
        <p:spPr bwMode="auto">
          <a:xfrm flipH="1">
            <a:off x="3947434" y="579603"/>
            <a:ext cx="5087616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 dirty="0">
                <a:solidFill>
                  <a:srgbClr val="FFFFFF"/>
                </a:solidFill>
              </a:rPr>
              <a:t>2022</a:t>
            </a:r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3FCD83B7-1EFF-4CD9-A187-C738E53A836A}"/>
              </a:ext>
            </a:extLst>
          </p:cNvPr>
          <p:cNvSpPr/>
          <p:nvPr/>
        </p:nvSpPr>
        <p:spPr>
          <a:xfrm>
            <a:off x="4370117" y="798163"/>
            <a:ext cx="401041" cy="1845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24BC9807-652F-4E51-9BD1-4BC56411F2C3}"/>
              </a:ext>
            </a:extLst>
          </p:cNvPr>
          <p:cNvSpPr/>
          <p:nvPr/>
        </p:nvSpPr>
        <p:spPr>
          <a:xfrm>
            <a:off x="4797182" y="795712"/>
            <a:ext cx="401041" cy="19093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67A639C-B9C3-4DD1-ABE8-08EA94BC3D84}"/>
              </a:ext>
            </a:extLst>
          </p:cNvPr>
          <p:cNvSpPr/>
          <p:nvPr/>
        </p:nvSpPr>
        <p:spPr>
          <a:xfrm>
            <a:off x="5610050" y="795711"/>
            <a:ext cx="365078" cy="19109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378FE9D9-C8AA-4E60-9C0C-66590B1E21BF}"/>
              </a:ext>
            </a:extLst>
          </p:cNvPr>
          <p:cNvSpPr/>
          <p:nvPr/>
        </p:nvSpPr>
        <p:spPr>
          <a:xfrm>
            <a:off x="5217648" y="795712"/>
            <a:ext cx="367863" cy="19067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874655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2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111013" y="101824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3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6F87E31E-712F-4AB2-82B8-8BCF5ED1EFFC}"/>
              </a:ext>
            </a:extLst>
          </p:cNvPr>
          <p:cNvSpPr/>
          <p:nvPr/>
        </p:nvSpPr>
        <p:spPr>
          <a:xfrm>
            <a:off x="2531029" y="799907"/>
            <a:ext cx="433822" cy="1872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B33BC42-F6C2-4925-8E71-5FE5BE7BB53E}"/>
              </a:ext>
            </a:extLst>
          </p:cNvPr>
          <p:cNvSpPr/>
          <p:nvPr/>
        </p:nvSpPr>
        <p:spPr>
          <a:xfrm>
            <a:off x="2055799" y="800871"/>
            <a:ext cx="456466" cy="1818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B8132A58-8625-46BA-B378-908981D63D9E}"/>
              </a:ext>
            </a:extLst>
          </p:cNvPr>
          <p:cNvSpPr/>
          <p:nvPr/>
        </p:nvSpPr>
        <p:spPr>
          <a:xfrm>
            <a:off x="8217677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D48604F7-129F-4FAE-90D3-437401E3ECDC}"/>
              </a:ext>
            </a:extLst>
          </p:cNvPr>
          <p:cNvSpPr/>
          <p:nvPr/>
        </p:nvSpPr>
        <p:spPr>
          <a:xfrm>
            <a:off x="8634009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907276B4-0603-4BF9-9900-1A6B72799A92}"/>
              </a:ext>
            </a:extLst>
          </p:cNvPr>
          <p:cNvSpPr/>
          <p:nvPr/>
        </p:nvSpPr>
        <p:spPr>
          <a:xfrm>
            <a:off x="7801362" y="795549"/>
            <a:ext cx="401041" cy="18947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2">
                    <a:lumMod val="75000"/>
                  </a:schemeClr>
                </a:solidFill>
              </a:rPr>
              <a:t>Customer Data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151" name="OTLSHAPE_SLM_0aec949068fc4edb9016a17022f2fa0f_Shape">
            <a:extLst>
              <a:ext uri="{FF2B5EF4-FFF2-40B4-BE49-F238E27FC236}">
                <a16:creationId xmlns:a16="http://schemas.microsoft.com/office/drawing/2014/main" id="{3A4AC253-3FE1-4C73-ABAA-E3F0D079DB2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10634" y="147394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3646329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658962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5117034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134833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6367019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84818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7593568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611367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22F5D03-DBE6-4766-B9F0-652066D84E4F}"/>
              </a:ext>
            </a:extLst>
          </p:cNvPr>
          <p:cNvSpPr/>
          <p:nvPr/>
        </p:nvSpPr>
        <p:spPr>
          <a:xfrm>
            <a:off x="266202" y="970939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800" spc="-2" dirty="0">
                <a:solidFill>
                  <a:schemeClr val="dk1"/>
                </a:solidFill>
              </a:rPr>
              <a:t>Releases:</a:t>
            </a:r>
            <a:endParaRPr lang="en-US" sz="800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 dirty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705DD29-DEEB-40F2-955C-8E9F8269A2E5}"/>
              </a:ext>
            </a:extLst>
          </p:cNvPr>
          <p:cNvSpPr txBox="1"/>
          <p:nvPr/>
        </p:nvSpPr>
        <p:spPr bwMode="auto">
          <a:xfrm>
            <a:off x="4795064" y="1737211"/>
            <a:ext cx="80720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9 – Usage Analysis</a:t>
            </a:r>
            <a:endParaRPr lang="en-US" sz="600" dirty="0">
              <a:cs typeface="Arial"/>
            </a:endParaRP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149556" y="320979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629642" y="379730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284537" y="3933976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29EF487B-6194-4129-AC46-A7DEFC1BC40B}"/>
              </a:ext>
            </a:extLst>
          </p:cNvPr>
          <p:cNvSpPr/>
          <p:nvPr/>
        </p:nvSpPr>
        <p:spPr>
          <a:xfrm>
            <a:off x="5991635" y="795841"/>
            <a:ext cx="401041" cy="18934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8592C76E-BEAD-4997-B0BA-B05BD6FD9A26}"/>
              </a:ext>
            </a:extLst>
          </p:cNvPr>
          <p:cNvSpPr/>
          <p:nvPr/>
        </p:nvSpPr>
        <p:spPr>
          <a:xfrm>
            <a:off x="6852052" y="800028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A347D48E-0186-41F2-A71B-686BD3326EE5}"/>
              </a:ext>
            </a:extLst>
          </p:cNvPr>
          <p:cNvSpPr/>
          <p:nvPr/>
        </p:nvSpPr>
        <p:spPr>
          <a:xfrm>
            <a:off x="6409558" y="79555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B6C28F17-2225-4512-B301-49439ABFFEF9}"/>
              </a:ext>
            </a:extLst>
          </p:cNvPr>
          <p:cNvSpPr/>
          <p:nvPr/>
        </p:nvSpPr>
        <p:spPr>
          <a:xfrm>
            <a:off x="7328737" y="797631"/>
            <a:ext cx="456466" cy="18875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689506" y="379331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684883" y="321625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28D44024-805C-42A3-A536-7F7CD80720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285927" y="3929607"/>
            <a:ext cx="94424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 dirty="0"/>
              <a:t>Persistent ID (leverage UDM) , Key Customer Profile and contact fields, Service Account</a:t>
            </a:r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402338" y="320721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aec949068fc4edb9016a17022f2fa0f_Title">
            <a:extLst>
              <a:ext uri="{FF2B5EF4-FFF2-40B4-BE49-F238E27FC236}">
                <a16:creationId xmlns:a16="http://schemas.microsoft.com/office/drawing/2014/main" id="{01978453-8B00-4A50-85D1-D02BB9CA7E7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690056" y="3944247"/>
            <a:ext cx="103280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Usage, Bill/Credit/Payment, Customer Demographic, </a:t>
            </a:r>
          </a:p>
          <a:p>
            <a:r>
              <a:rPr lang="en-US" dirty="0"/>
              <a:t>Preference, Premise, Billing Account, Meter</a:t>
            </a:r>
          </a:p>
        </p:txBody>
      </p:sp>
      <p:sp>
        <p:nvSpPr>
          <p:cNvPr id="176" name="OTLSHAPE_SLM_0aec949068fc4edb9016a17022f2fa0f_Shape">
            <a:extLst>
              <a:ext uri="{FF2B5EF4-FFF2-40B4-BE49-F238E27FC236}">
                <a16:creationId xmlns:a16="http://schemas.microsoft.com/office/drawing/2014/main" id="{6FFA297E-BD4C-4984-8DA1-974107E360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51544" y="379589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SLM_0aec949068fc4edb9016a17022f2fa0f_Shape">
            <a:extLst>
              <a:ext uri="{FF2B5EF4-FFF2-40B4-BE49-F238E27FC236}">
                <a16:creationId xmlns:a16="http://schemas.microsoft.com/office/drawing/2014/main" id="{F87CC682-6CBB-494A-8113-DA1E61FE62C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401310" y="379397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207" name="TextBox 206">
            <a:extLst>
              <a:ext uri="{FF2B5EF4-FFF2-40B4-BE49-F238E27FC236}">
                <a16:creationId xmlns:a16="http://schemas.microsoft.com/office/drawing/2014/main" id="{D9CD409A-2087-48B4-993A-8965746DAF94}"/>
              </a:ext>
            </a:extLst>
          </p:cNvPr>
          <p:cNvSpPr txBox="1"/>
          <p:nvPr/>
        </p:nvSpPr>
        <p:spPr bwMode="auto">
          <a:xfrm>
            <a:off x="4761488" y="1874113"/>
            <a:ext cx="86838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4 – Usage Prediction</a:t>
            </a:r>
            <a:endParaRPr lang="en-US" sz="600" dirty="0">
              <a:cs typeface="Arial"/>
            </a:endParaRPr>
          </a:p>
        </p:txBody>
      </p:sp>
      <p:sp>
        <p:nvSpPr>
          <p:cNvPr id="208" name="OTLSHAPE_SLM_0aec949068fc4edb9016a17022f2fa0f_Title">
            <a:extLst>
              <a:ext uri="{FF2B5EF4-FFF2-40B4-BE49-F238E27FC236}">
                <a16:creationId xmlns:a16="http://schemas.microsoft.com/office/drawing/2014/main" id="{61A32064-03CA-4AE7-BE8D-FC359646695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83887" y="3939598"/>
            <a:ext cx="82426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Data Quality Profiling, CDC, Business Rules/Requirement</a:t>
            </a:r>
          </a:p>
        </p:txBody>
      </p:sp>
      <p:sp>
        <p:nvSpPr>
          <p:cNvPr id="210" name="OTLSHAPE_SLM_0aec949068fc4edb9016a17022f2fa0f_Shape">
            <a:extLst>
              <a:ext uri="{FF2B5EF4-FFF2-40B4-BE49-F238E27FC236}">
                <a16:creationId xmlns:a16="http://schemas.microsoft.com/office/drawing/2014/main" id="{4709E27B-FE41-4D5F-AD41-BC3B13DDCF4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639880" y="379498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1" name="OTLSHAPE_SLM_0aec949068fc4edb9016a17022f2fa0f_Title">
            <a:extLst>
              <a:ext uri="{FF2B5EF4-FFF2-40B4-BE49-F238E27FC236}">
                <a16:creationId xmlns:a16="http://schemas.microsoft.com/office/drawing/2014/main" id="{D20D57CD-2D20-43B0-85A7-7E8142C5EE1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340539" y="101566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4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pic>
        <p:nvPicPr>
          <p:cNvPr id="212" name="Picture 211">
            <a:extLst>
              <a:ext uri="{FF2B5EF4-FFF2-40B4-BE49-F238E27FC236}">
                <a16:creationId xmlns:a16="http://schemas.microsoft.com/office/drawing/2014/main" id="{073E04DF-8316-4E39-A58D-09FFE3057DB0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1536245" y="1446737"/>
            <a:ext cx="142179" cy="139685"/>
          </a:xfrm>
          <a:prstGeom prst="rect">
            <a:avLst/>
          </a:prstGeom>
        </p:spPr>
      </p:pic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2232032A-DFA7-4838-AEC8-875A56E572F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554044" y="13728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4" name="TextBox 213">
            <a:extLst>
              <a:ext uri="{FF2B5EF4-FFF2-40B4-BE49-F238E27FC236}">
                <a16:creationId xmlns:a16="http://schemas.microsoft.com/office/drawing/2014/main" id="{5E2E6BE7-326E-41CD-85A2-E03A52B74CC8}"/>
              </a:ext>
            </a:extLst>
          </p:cNvPr>
          <p:cNvSpPr txBox="1"/>
          <p:nvPr/>
        </p:nvSpPr>
        <p:spPr bwMode="auto">
          <a:xfrm>
            <a:off x="5716438" y="1592417"/>
            <a:ext cx="1451864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 – Segmentation Campaign Metrics</a:t>
            </a:r>
            <a:endParaRPr lang="en-US" sz="600" dirty="0">
              <a:cs typeface="Arial"/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3341304" y="1600088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7 – Product Catalog</a:t>
            </a:r>
            <a:endParaRPr lang="en-US" sz="600" dirty="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7151728" y="1588921"/>
            <a:ext cx="1115972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3 – Personalized Messages</a:t>
            </a:r>
            <a:endParaRPr lang="en-US" sz="600" dirty="0">
              <a:cs typeface="Arial"/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D5497791-1749-4298-9ECB-ABE31C240E5C}"/>
              </a:ext>
            </a:extLst>
          </p:cNvPr>
          <p:cNvSpPr txBox="1"/>
          <p:nvPr/>
        </p:nvSpPr>
        <p:spPr bwMode="auto">
          <a:xfrm>
            <a:off x="5837112" y="1744905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 – Utilization Recommendation</a:t>
            </a:r>
            <a:endParaRPr lang="en-US" sz="600" dirty="0">
              <a:cs typeface="Arial"/>
            </a:endParaRP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6ECDE740-6837-4482-A75D-75D5CCCE1BE7}"/>
              </a:ext>
            </a:extLst>
          </p:cNvPr>
          <p:cNvSpPr txBox="1"/>
          <p:nvPr/>
        </p:nvSpPr>
        <p:spPr bwMode="auto">
          <a:xfrm>
            <a:off x="5926416" y="1874896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5 – Comprehensive Profile</a:t>
            </a:r>
            <a:endParaRPr lang="en-US" sz="600" dirty="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7193058" y="1754233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4 – Customer Interactions </a:t>
            </a:r>
            <a:endParaRPr lang="en-US" sz="600" dirty="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3062211" y="1734920"/>
            <a:ext cx="131965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3 – Consolidated Profile (Partial) </a:t>
            </a:r>
            <a:endParaRPr lang="en-US" sz="600" dirty="0">
              <a:cs typeface="Arial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36EE1830-4B80-4640-8773-23ACCEC0C97E}"/>
              </a:ext>
            </a:extLst>
          </p:cNvPr>
          <p:cNvSpPr txBox="1"/>
          <p:nvPr/>
        </p:nvSpPr>
        <p:spPr bwMode="auto">
          <a:xfrm>
            <a:off x="5833661" y="1999323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D1BA4C75-1521-4DA8-9152-3A8902EEB53D}"/>
              </a:ext>
            </a:extLst>
          </p:cNvPr>
          <p:cNvSpPr txBox="1"/>
          <p:nvPr/>
        </p:nvSpPr>
        <p:spPr bwMode="auto">
          <a:xfrm>
            <a:off x="4581368" y="16049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F68889B6-1E8B-49C4-8457-3D36B7EC7231}"/>
              </a:ext>
            </a:extLst>
          </p:cNvPr>
          <p:cNvSpPr txBox="1"/>
          <p:nvPr/>
        </p:nvSpPr>
        <p:spPr bwMode="auto">
          <a:xfrm>
            <a:off x="4612999" y="2014446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0 – EE Recommendations</a:t>
            </a:r>
            <a:endParaRPr lang="en-US" sz="600" dirty="0">
              <a:cs typeface="Arial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09087ACF-D453-4EBC-917B-F62E2471B9D5}"/>
              </a:ext>
            </a:extLst>
          </p:cNvPr>
          <p:cNvSpPr txBox="1"/>
          <p:nvPr/>
        </p:nvSpPr>
        <p:spPr bwMode="auto">
          <a:xfrm>
            <a:off x="5836072" y="2125071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2 – Energy Usage Insights</a:t>
            </a:r>
            <a:endParaRPr lang="en-US" sz="600" dirty="0">
              <a:cs typeface="Arial"/>
            </a:endParaRP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09701D7A-AEC3-4A15-9738-081D896783D1}"/>
              </a:ext>
            </a:extLst>
          </p:cNvPr>
          <p:cNvSpPr txBox="1"/>
          <p:nvPr/>
        </p:nvSpPr>
        <p:spPr bwMode="auto">
          <a:xfrm>
            <a:off x="4616036" y="23163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7 – EE Ratings</a:t>
            </a:r>
            <a:endParaRPr lang="en-US" sz="600" dirty="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7031020" y="1883385"/>
            <a:ext cx="136094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5 –Campaign Performance Metrics</a:t>
            </a:r>
            <a:endParaRPr lang="en-US" sz="600" dirty="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7222166" y="2020287"/>
            <a:ext cx="96077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6 – Loyalty Program</a:t>
            </a:r>
            <a:endParaRPr lang="en-US" sz="600" dirty="0">
              <a:cs typeface="Arial"/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F32807F-AF23-4470-B5FD-E1C220319C59}"/>
              </a:ext>
            </a:extLst>
          </p:cNvPr>
          <p:cNvSpPr txBox="1"/>
          <p:nvPr/>
        </p:nvSpPr>
        <p:spPr bwMode="auto">
          <a:xfrm>
            <a:off x="5674017" y="2253585"/>
            <a:ext cx="156961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8 – Personalized Product Guidance</a:t>
            </a:r>
            <a:endParaRPr lang="en-US" sz="600" dirty="0">
              <a:cs typeface="Arial"/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9DC391FA-582E-462D-B80B-562DD6B38DFB}"/>
              </a:ext>
            </a:extLst>
          </p:cNvPr>
          <p:cNvSpPr txBox="1"/>
          <p:nvPr/>
        </p:nvSpPr>
        <p:spPr bwMode="auto">
          <a:xfrm>
            <a:off x="5765833" y="2393498"/>
            <a:ext cx="139309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9 – Energy Savings and Incentives</a:t>
            </a:r>
            <a:endParaRPr lang="en-US" sz="600" dirty="0">
              <a:cs typeface="Arial"/>
            </a:endParaRP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5093B07-58CD-49EE-AC14-71373A166F11}"/>
              </a:ext>
            </a:extLst>
          </p:cNvPr>
          <p:cNvSpPr txBox="1"/>
          <p:nvPr/>
        </p:nvSpPr>
        <p:spPr bwMode="auto">
          <a:xfrm>
            <a:off x="4606635" y="2463504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0 – Usage History</a:t>
            </a:r>
            <a:endParaRPr lang="en-US" sz="600" dirty="0">
              <a:cs typeface="Arial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8FC37195-304C-48AF-BC1C-B1497FFCB94E}"/>
              </a:ext>
            </a:extLst>
          </p:cNvPr>
          <p:cNvSpPr txBox="1"/>
          <p:nvPr/>
        </p:nvSpPr>
        <p:spPr bwMode="auto">
          <a:xfrm>
            <a:off x="5995144" y="2529676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1 – Enrollment Offers</a:t>
            </a:r>
            <a:endParaRPr lang="en-US" sz="600" dirty="0">
              <a:cs typeface="Arial"/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7894B957-F935-4FE5-B515-B030CE51CF27}"/>
              </a:ext>
            </a:extLst>
          </p:cNvPr>
          <p:cNvSpPr txBox="1"/>
          <p:nvPr/>
        </p:nvSpPr>
        <p:spPr bwMode="auto">
          <a:xfrm>
            <a:off x="4557751" y="2600306"/>
            <a:ext cx="127476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2 – Proactive Usage Feedback</a:t>
            </a:r>
            <a:endParaRPr lang="en-US" sz="600" dirty="0">
              <a:cs typeface="Arial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1EA67941-3F59-4EAD-8228-FF39264EB893}"/>
              </a:ext>
            </a:extLst>
          </p:cNvPr>
          <p:cNvSpPr txBox="1"/>
          <p:nvPr/>
        </p:nvSpPr>
        <p:spPr bwMode="auto">
          <a:xfrm>
            <a:off x="5987227" y="2666212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3 – Outage Status</a:t>
            </a:r>
            <a:endParaRPr lang="en-US" sz="600" dirty="0">
              <a:cs typeface="Arial"/>
            </a:endParaRP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B5198DF-7051-4F6D-A5D0-0E9E52DE6BC1}"/>
              </a:ext>
            </a:extLst>
          </p:cNvPr>
          <p:cNvSpPr txBox="1"/>
          <p:nvPr/>
        </p:nvSpPr>
        <p:spPr bwMode="auto">
          <a:xfrm>
            <a:off x="6000984" y="2802430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5 – Customer Balance</a:t>
            </a:r>
            <a:endParaRPr lang="en-US" sz="600" dirty="0">
              <a:cs typeface="Arial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6E524798-4223-4344-86DC-003903A21CC8}"/>
              </a:ext>
            </a:extLst>
          </p:cNvPr>
          <p:cNvSpPr txBox="1"/>
          <p:nvPr/>
        </p:nvSpPr>
        <p:spPr bwMode="auto">
          <a:xfrm>
            <a:off x="4603546" y="21689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1 – Energy Self Service</a:t>
            </a:r>
            <a:endParaRPr lang="en-US" sz="600" dirty="0">
              <a:cs typeface="Arial"/>
            </a:endParaRP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EF2B686-B864-4A0C-976A-AC294FF49356}"/>
              </a:ext>
            </a:extLst>
          </p:cNvPr>
          <p:cNvSpPr txBox="1"/>
          <p:nvPr/>
        </p:nvSpPr>
        <p:spPr bwMode="auto">
          <a:xfrm>
            <a:off x="-13830" y="1578606"/>
            <a:ext cx="96279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Informatica Catalog, Governance and Quality Tools available</a:t>
            </a: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056325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1798968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</a:t>
            </a:r>
          </a:p>
        </p:txBody>
      </p:sp>
      <p:sp>
        <p:nvSpPr>
          <p:cNvPr id="101" name="TextBox 100">
            <a:extLst>
              <a:ext uri="{FF2B5EF4-FFF2-40B4-BE49-F238E27FC236}">
                <a16:creationId xmlns:a16="http://schemas.microsoft.com/office/drawing/2014/main" id="{587B269A-1741-4A0F-9FDE-AC1CD854208F}"/>
              </a:ext>
            </a:extLst>
          </p:cNvPr>
          <p:cNvSpPr txBox="1"/>
          <p:nvPr/>
        </p:nvSpPr>
        <p:spPr bwMode="auto">
          <a:xfrm>
            <a:off x="1950241" y="23202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1)</a:t>
            </a:r>
          </a:p>
        </p:txBody>
      </p:sp>
      <p:sp>
        <p:nvSpPr>
          <p:cNvPr id="102" name="OTLSHAPE_SLM_0aec949068fc4edb9016a17022f2fa0f_Shape">
            <a:extLst>
              <a:ext uri="{FF2B5EF4-FFF2-40B4-BE49-F238E27FC236}">
                <a16:creationId xmlns:a16="http://schemas.microsoft.com/office/drawing/2014/main" id="{53D3A239-1B6F-4F39-832E-4F711AD7B2D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199666" y="21959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07FB3EA8-A80D-4FA3-92E8-FF6E97646D8E}"/>
              </a:ext>
            </a:extLst>
          </p:cNvPr>
          <p:cNvSpPr txBox="1"/>
          <p:nvPr/>
        </p:nvSpPr>
        <p:spPr bwMode="auto">
          <a:xfrm>
            <a:off x="2999055" y="23227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2)</a:t>
            </a:r>
          </a:p>
        </p:txBody>
      </p:sp>
      <p:sp>
        <p:nvSpPr>
          <p:cNvPr id="109" name="OTLSHAPE_SLM_0aec949068fc4edb9016a17022f2fa0f_Shape">
            <a:extLst>
              <a:ext uri="{FF2B5EF4-FFF2-40B4-BE49-F238E27FC236}">
                <a16:creationId xmlns:a16="http://schemas.microsoft.com/office/drawing/2014/main" id="{58A5E0AF-AF8D-49C2-A190-BD3E384D995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248480" y="21984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6" name="Title 1">
            <a:extLst>
              <a:ext uri="{FF2B5EF4-FFF2-40B4-BE49-F238E27FC236}">
                <a16:creationId xmlns:a16="http://schemas.microsoft.com/office/drawing/2014/main" id="{A32B2023-9C3D-4A42-ADBC-D5A30BD021BE}"/>
              </a:ext>
            </a:extLst>
          </p:cNvPr>
          <p:cNvSpPr txBox="1">
            <a:spLocks/>
          </p:cNvSpPr>
          <p:nvPr/>
        </p:nvSpPr>
        <p:spPr bwMode="auto">
          <a:xfrm>
            <a:off x="5561776" y="366098"/>
            <a:ext cx="1794884" cy="2569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5pPr>
            <a:lvl6pPr marL="342866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6pPr>
            <a:lvl7pPr marL="685732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7pPr>
            <a:lvl8pPr marL="1028598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8pPr>
            <a:lvl9pPr marL="1371464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9pPr>
          </a:lstStyle>
          <a:p>
            <a:pPr>
              <a:buClrTx/>
            </a:pPr>
            <a:r>
              <a:rPr lang="en-GB" sz="1600" dirty="0"/>
              <a:t>As of August 2021</a:t>
            </a:r>
            <a:endParaRPr lang="en-GB" sz="1600" b="0" dirty="0"/>
          </a:p>
        </p:txBody>
      </p:sp>
    </p:spTree>
    <p:extLst>
      <p:ext uri="{BB962C8B-B14F-4D97-AF65-F5344CB8AC3E}">
        <p14:creationId xmlns:p14="http://schemas.microsoft.com/office/powerpoint/2010/main" val="2312719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3" ma:contentTypeDescription="Create a new document." ma:contentTypeScope="" ma:versionID="0cdef9792d70593cc0249c268eb6251e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b24b326b9ed5cbe12549767b6286b61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3B48F989-5E69-4D35-990A-5261A4D85ED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D2C987D-4A47-4F11-8121-36694FAAAC40}">
  <ds:schemaRefs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2fb88c42-9484-45db-b1a7-c717f8961fa6"/>
    <ds:schemaRef ds:uri="http://schemas.microsoft.com/office/2006/documentManagement/types"/>
    <ds:schemaRef ds:uri="http://purl.org/dc/terms/"/>
    <ds:schemaRef ds:uri="http://schemas.openxmlformats.org/package/2006/metadata/core-properties"/>
    <ds:schemaRef ds:uri="d04553ff-5444-4dd5-ba90-cf9ec227a264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TotalTime>35094</TotalTime>
  <Words>760</Words>
  <Application>Microsoft Office PowerPoint</Application>
  <PresentationFormat>On-screen Show (16:9)</PresentationFormat>
  <Paragraphs>99</Paragraphs>
  <Slides>3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6" baseType="lpstr">
      <vt:lpstr>Arial</vt:lpstr>
      <vt:lpstr>Calibri</vt:lpstr>
      <vt:lpstr>NG_PPT_16x9_Generic_template-blue</vt:lpstr>
      <vt:lpstr>US Customer Architecture</vt:lpstr>
      <vt:lpstr>US Customer Capabilities by Programs</vt:lpstr>
      <vt:lpstr>US Customer Business Capabilities Proposed Roadmap (Draft)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lastModifiedBy>Ajwaliya, Nishit</cp:lastModifiedBy>
  <cp:revision>37</cp:revision>
  <cp:lastPrinted>2018-08-10T07:16:05Z</cp:lastPrinted>
  <dcterms:created xsi:type="dcterms:W3CDTF">2018-09-19T13:44:21Z</dcterms:created>
  <dcterms:modified xsi:type="dcterms:W3CDTF">2021-10-08T11:54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1AD0F478B68CCB418629D5A3D5ECB678</vt:lpwstr>
  </property>
</Properties>
</file>